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7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xlxs\"/>
    </mc:Choice>
  </mc:AlternateContent>
  <xr:revisionPtr revIDLastSave="0" documentId="13_ncr:40009_{6C743002-F0DB-4D3B-A518-BC01B7CE218F}" xr6:coauthVersionLast="47" xr6:coauthVersionMax="47" xr10:uidLastSave="{00000000-0000-0000-0000-000000000000}"/>
  <bookViews>
    <workbookView xWindow="255" yWindow="855" windowWidth="23670" windowHeight="12750"/>
  </bookViews>
  <sheets>
    <sheet name="ReportSetting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664" uniqueCount="33"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Uriage1</t>
  </si>
  <si>
    <t>Uriage2</t>
  </si>
  <si>
    <t>Uriage3</t>
  </si>
  <si>
    <t>Nyukai</t>
  </si>
  <si>
    <t>OutSales1</t>
  </si>
  <si>
    <t>OutSales2</t>
  </si>
  <si>
    <t>OutSales3</t>
  </si>
  <si>
    <t>ChargeSales1</t>
  </si>
  <si>
    <t>ChargeSales2</t>
  </si>
  <si>
    <t>ChargeSales3</t>
  </si>
  <si>
    <t>CSPlan1</t>
  </si>
  <si>
    <t>CSPlan2</t>
  </si>
  <si>
    <t>CSPlan3</t>
  </si>
  <si>
    <t>Jyunbi</t>
  </si>
  <si>
    <t>Uriage4</t>
  </si>
  <si>
    <t>Uriage5</t>
  </si>
  <si>
    <t>Uriage6</t>
  </si>
  <si>
    <t>OutSales4</t>
  </si>
  <si>
    <t>OutSales5</t>
  </si>
  <si>
    <t>OutSales6</t>
  </si>
  <si>
    <t>ChargeSales4</t>
  </si>
  <si>
    <t>ChargeSales5</t>
  </si>
  <si>
    <t>ChargeSales6</t>
  </si>
  <si>
    <t>TimeSub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id="1" name="テーブル1" displayName="テーブル1" ref="A1:F49" totalsRowShown="0">
  <autoFilter ref="A1:F49"/>
  <tableColumns count="6">
    <tableColumn id="1" name="ID"/>
    <tableColumn id="2" name="TERMINATOR"/>
    <tableColumn id="3" name="MAX_LENGTH"/>
    <tableColumn id="4" name="COLLATION"/>
    <tableColumn id="5" name="SOURCE"/>
    <tableColumn id="6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V2"/>
  <sheetViews>
    <sheetView tabSelected="1" workbookViewId="0">
      <selection sqref="A1:Z1"/>
    </sheetView>
  </sheetViews>
  <sheetFormatPr defaultRowHeight="18.75" x14ac:dyDescent="0.4"/>
  <sheetData>
    <row r="1" spans="1:74" x14ac:dyDescent="0.4">
      <c r="A1" s="2" t="s">
        <v>9</v>
      </c>
      <c r="B1" s="3" t="s">
        <v>10</v>
      </c>
      <c r="C1" s="2" t="s">
        <v>11</v>
      </c>
      <c r="D1" s="3" t="s">
        <v>12</v>
      </c>
      <c r="E1" s="2" t="s">
        <v>13</v>
      </c>
      <c r="F1" s="3" t="s">
        <v>14</v>
      </c>
      <c r="G1" s="2" t="s">
        <v>15</v>
      </c>
      <c r="H1" s="3" t="s">
        <v>16</v>
      </c>
      <c r="I1" s="2" t="s">
        <v>17</v>
      </c>
      <c r="J1" s="3" t="s">
        <v>18</v>
      </c>
      <c r="K1" s="2" t="s">
        <v>19</v>
      </c>
      <c r="L1" s="3" t="s">
        <v>20</v>
      </c>
      <c r="M1" s="2" t="s">
        <v>21</v>
      </c>
      <c r="N1" s="3" t="s">
        <v>22</v>
      </c>
      <c r="O1" s="2" t="s">
        <v>23</v>
      </c>
      <c r="P1" s="3" t="s">
        <v>24</v>
      </c>
      <c r="Q1" s="2" t="s">
        <v>25</v>
      </c>
      <c r="R1" s="3" t="s">
        <v>26</v>
      </c>
      <c r="S1" s="2" t="s">
        <v>27</v>
      </c>
      <c r="T1" s="3" t="s">
        <v>28</v>
      </c>
      <c r="U1" s="2" t="s">
        <v>29</v>
      </c>
      <c r="V1" s="3" t="s">
        <v>30</v>
      </c>
      <c r="W1" s="2" t="s">
        <v>31</v>
      </c>
      <c r="X1" s="3" t="s">
        <v>32</v>
      </c>
    </row>
    <row r="2" spans="1:74" x14ac:dyDescent="0.4">
      <c r="A2">
        <v>1</v>
      </c>
      <c r="B2">
        <v>0</v>
      </c>
      <c r="C2">
        <v>0</v>
      </c>
      <c r="D2">
        <v>0</v>
      </c>
      <c r="E2">
        <v>-1</v>
      </c>
      <c r="F2">
        <v>-1</v>
      </c>
      <c r="G2">
        <v>-1</v>
      </c>
      <c r="H2">
        <v>-1</v>
      </c>
      <c r="I2">
        <v>-1</v>
      </c>
      <c r="J2">
        <v>-1</v>
      </c>
      <c r="K2">
        <v>-1</v>
      </c>
      <c r="L2">
        <v>-1</v>
      </c>
      <c r="M2">
        <v>-1</v>
      </c>
      <c r="N2">
        <v>-1</v>
      </c>
      <c r="O2">
        <v>-1</v>
      </c>
      <c r="P2">
        <v>-1</v>
      </c>
      <c r="Q2">
        <v>-1</v>
      </c>
      <c r="R2">
        <v>-1</v>
      </c>
      <c r="S2">
        <v>-1</v>
      </c>
      <c r="T2">
        <v>0</v>
      </c>
      <c r="U2">
        <v>0</v>
      </c>
      <c r="V2">
        <v>0</v>
      </c>
      <c r="W2">
        <v>-1</v>
      </c>
      <c r="X2">
        <v>-1</v>
      </c>
      <c r="Y2">
        <v>-1</v>
      </c>
      <c r="Z2">
        <v>-1</v>
      </c>
      <c r="AA2">
        <v>-1</v>
      </c>
      <c r="AB2">
        <v>-1</v>
      </c>
      <c r="AC2">
        <v>-1</v>
      </c>
      <c r="AD2">
        <v>-1</v>
      </c>
      <c r="AE2">
        <v>-1</v>
      </c>
      <c r="AF2">
        <v>-1</v>
      </c>
      <c r="AG2">
        <v>-1</v>
      </c>
      <c r="AH2">
        <v>-1</v>
      </c>
      <c r="AI2">
        <v>-1</v>
      </c>
      <c r="AJ2">
        <v>-1</v>
      </c>
      <c r="AK2">
        <v>-1</v>
      </c>
      <c r="AL2">
        <v>-1</v>
      </c>
      <c r="AM2">
        <v>-1</v>
      </c>
      <c r="AN2">
        <v>-1</v>
      </c>
      <c r="AO2">
        <v>-1</v>
      </c>
      <c r="AP2">
        <v>-1</v>
      </c>
      <c r="AQ2">
        <v>-1</v>
      </c>
      <c r="AR2">
        <v>-1</v>
      </c>
      <c r="AS2">
        <v>-1</v>
      </c>
      <c r="AT2">
        <v>-1</v>
      </c>
      <c r="AU2">
        <v>-1</v>
      </c>
      <c r="AV2">
        <v>-1</v>
      </c>
      <c r="AW2">
        <v>-1</v>
      </c>
      <c r="AX2">
        <v>-1</v>
      </c>
      <c r="AY2">
        <v>-1</v>
      </c>
      <c r="AZ2">
        <v>-1</v>
      </c>
      <c r="BA2">
        <v>50000</v>
      </c>
      <c r="BB2">
        <v>0</v>
      </c>
      <c r="BC2">
        <v>0</v>
      </c>
      <c r="BD2">
        <v>0</v>
      </c>
      <c r="BE2">
        <v>-1</v>
      </c>
      <c r="BF2">
        <v>-1</v>
      </c>
      <c r="BG2">
        <v>-1</v>
      </c>
      <c r="BH2">
        <v>-1</v>
      </c>
      <c r="BI2">
        <v>-1</v>
      </c>
      <c r="BJ2">
        <v>-1</v>
      </c>
      <c r="BK2">
        <v>-1</v>
      </c>
      <c r="BL2">
        <v>-1</v>
      </c>
      <c r="BM2">
        <v>-1</v>
      </c>
      <c r="BN2">
        <v>-1</v>
      </c>
      <c r="BO2">
        <v>-1</v>
      </c>
      <c r="BP2">
        <v>-1</v>
      </c>
      <c r="BQ2">
        <v>-1</v>
      </c>
      <c r="BR2">
        <v>-1</v>
      </c>
      <c r="BS2">
        <v>-1</v>
      </c>
      <c r="BT2">
        <v>0</v>
      </c>
      <c r="BU2">
        <v>0</v>
      </c>
      <c r="BV2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76"/>
  <sheetViews>
    <sheetView topLeftCell="D37" workbookViewId="0">
      <selection activeCell="A53" sqref="A53:Z53"/>
    </sheetView>
  </sheetViews>
  <sheetFormatPr defaultRowHeight="18.75" x14ac:dyDescent="0.4"/>
  <sheetData>
    <row r="1" spans="1:6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</row>
    <row r="2" spans="1:6" x14ac:dyDescent="0.4">
      <c r="A2">
        <v>1</v>
      </c>
      <c r="B2" s="1" t="s">
        <v>6</v>
      </c>
      <c r="C2">
        <v>12</v>
      </c>
      <c r="D2" s="1"/>
      <c r="F2" s="1"/>
    </row>
    <row r="3" spans="1:6" x14ac:dyDescent="0.4">
      <c r="A3">
        <v>2</v>
      </c>
      <c r="B3" s="1" t="s">
        <v>6</v>
      </c>
      <c r="C3">
        <v>12</v>
      </c>
      <c r="D3" s="1"/>
      <c r="F3" s="1"/>
    </row>
    <row r="4" spans="1:6" x14ac:dyDescent="0.4">
      <c r="A4">
        <v>3</v>
      </c>
      <c r="B4" s="1" t="s">
        <v>6</v>
      </c>
      <c r="C4">
        <v>12</v>
      </c>
      <c r="D4" s="1"/>
      <c r="F4" s="1"/>
    </row>
    <row r="5" spans="1:6" x14ac:dyDescent="0.4">
      <c r="A5">
        <v>4</v>
      </c>
      <c r="B5" s="1" t="s">
        <v>6</v>
      </c>
      <c r="C5">
        <v>12</v>
      </c>
      <c r="D5" s="1"/>
      <c r="F5" s="1"/>
    </row>
    <row r="6" spans="1:6" x14ac:dyDescent="0.4">
      <c r="A6">
        <v>5</v>
      </c>
      <c r="B6" s="1" t="s">
        <v>6</v>
      </c>
      <c r="C6">
        <v>50</v>
      </c>
      <c r="D6" s="1" t="s">
        <v>7</v>
      </c>
      <c r="F6" s="1"/>
    </row>
    <row r="7" spans="1:6" x14ac:dyDescent="0.4">
      <c r="A7">
        <v>6</v>
      </c>
      <c r="B7" s="1" t="s">
        <v>6</v>
      </c>
      <c r="C7">
        <v>50</v>
      </c>
      <c r="D7" s="1" t="s">
        <v>7</v>
      </c>
      <c r="F7" s="1"/>
    </row>
    <row r="8" spans="1:6" x14ac:dyDescent="0.4">
      <c r="A8">
        <v>7</v>
      </c>
      <c r="B8" s="1" t="s">
        <v>6</v>
      </c>
      <c r="C8">
        <v>50</v>
      </c>
      <c r="D8" s="1" t="s">
        <v>7</v>
      </c>
      <c r="F8" s="1"/>
    </row>
    <row r="9" spans="1:6" x14ac:dyDescent="0.4">
      <c r="A9">
        <v>8</v>
      </c>
      <c r="B9" s="1" t="s">
        <v>6</v>
      </c>
      <c r="C9">
        <v>12</v>
      </c>
      <c r="D9" s="1"/>
      <c r="F9" s="1"/>
    </row>
    <row r="10" spans="1:6" x14ac:dyDescent="0.4">
      <c r="A10">
        <v>9</v>
      </c>
      <c r="B10" s="1" t="s">
        <v>6</v>
      </c>
      <c r="C10">
        <v>12</v>
      </c>
      <c r="D10" s="1"/>
      <c r="F10" s="1"/>
    </row>
    <row r="11" spans="1:6" x14ac:dyDescent="0.4">
      <c r="A11">
        <v>10</v>
      </c>
      <c r="B11" s="1" t="s">
        <v>6</v>
      </c>
      <c r="C11">
        <v>12</v>
      </c>
      <c r="D11" s="1"/>
      <c r="F11" s="1"/>
    </row>
    <row r="12" spans="1:6" x14ac:dyDescent="0.4">
      <c r="A12">
        <v>11</v>
      </c>
      <c r="B12" s="1" t="s">
        <v>6</v>
      </c>
      <c r="C12">
        <v>50</v>
      </c>
      <c r="D12" s="1" t="s">
        <v>7</v>
      </c>
      <c r="F12" s="1"/>
    </row>
    <row r="13" spans="1:6" x14ac:dyDescent="0.4">
      <c r="A13">
        <v>12</v>
      </c>
      <c r="B13" s="1" t="s">
        <v>6</v>
      </c>
      <c r="C13">
        <v>50</v>
      </c>
      <c r="D13" s="1" t="s">
        <v>7</v>
      </c>
      <c r="F13" s="1"/>
    </row>
    <row r="14" spans="1:6" x14ac:dyDescent="0.4">
      <c r="A14">
        <v>13</v>
      </c>
      <c r="B14" s="1" t="s">
        <v>6</v>
      </c>
      <c r="C14">
        <v>50</v>
      </c>
      <c r="D14" s="1" t="s">
        <v>7</v>
      </c>
      <c r="F14" s="1"/>
    </row>
    <row r="15" spans="1:6" x14ac:dyDescent="0.4">
      <c r="A15">
        <v>14</v>
      </c>
      <c r="B15" s="1" t="s">
        <v>6</v>
      </c>
      <c r="C15">
        <v>30</v>
      </c>
      <c r="D15" s="1"/>
      <c r="F15" s="1"/>
    </row>
    <row r="16" spans="1:6" x14ac:dyDescent="0.4">
      <c r="A16">
        <v>15</v>
      </c>
      <c r="B16" s="1" t="s">
        <v>6</v>
      </c>
      <c r="C16">
        <v>12</v>
      </c>
      <c r="D16" s="1"/>
      <c r="F16" s="1"/>
    </row>
    <row r="17" spans="1:6" x14ac:dyDescent="0.4">
      <c r="A17">
        <v>16</v>
      </c>
      <c r="B17" s="1" t="s">
        <v>6</v>
      </c>
      <c r="C17">
        <v>12</v>
      </c>
      <c r="D17" s="1"/>
      <c r="F17" s="1"/>
    </row>
    <row r="18" spans="1:6" x14ac:dyDescent="0.4">
      <c r="A18">
        <v>17</v>
      </c>
      <c r="B18" s="1" t="s">
        <v>6</v>
      </c>
      <c r="C18">
        <v>12</v>
      </c>
      <c r="D18" s="1"/>
      <c r="F18" s="1"/>
    </row>
    <row r="19" spans="1:6" x14ac:dyDescent="0.4">
      <c r="A19">
        <v>18</v>
      </c>
      <c r="B19" s="1" t="s">
        <v>6</v>
      </c>
      <c r="C19">
        <v>50</v>
      </c>
      <c r="D19" s="1" t="s">
        <v>7</v>
      </c>
      <c r="F19" s="1"/>
    </row>
    <row r="20" spans="1:6" x14ac:dyDescent="0.4">
      <c r="A20">
        <v>19</v>
      </c>
      <c r="B20" s="1" t="s">
        <v>6</v>
      </c>
      <c r="C20">
        <v>50</v>
      </c>
      <c r="D20" s="1" t="s">
        <v>7</v>
      </c>
      <c r="F20" s="1"/>
    </row>
    <row r="21" spans="1:6" x14ac:dyDescent="0.4">
      <c r="A21">
        <v>20</v>
      </c>
      <c r="B21" s="1" t="s">
        <v>6</v>
      </c>
      <c r="C21">
        <v>50</v>
      </c>
      <c r="D21" s="1" t="s">
        <v>7</v>
      </c>
      <c r="F21" s="1"/>
    </row>
    <row r="22" spans="1:6" x14ac:dyDescent="0.4">
      <c r="A22">
        <v>21</v>
      </c>
      <c r="B22" s="1" t="s">
        <v>6</v>
      </c>
      <c r="C22">
        <v>12</v>
      </c>
      <c r="D22" s="1"/>
      <c r="F22" s="1"/>
    </row>
    <row r="23" spans="1:6" x14ac:dyDescent="0.4">
      <c r="A23">
        <v>22</v>
      </c>
      <c r="B23" s="1" t="s">
        <v>6</v>
      </c>
      <c r="C23">
        <v>12</v>
      </c>
      <c r="D23" s="1"/>
      <c r="F23" s="1"/>
    </row>
    <row r="24" spans="1:6" x14ac:dyDescent="0.4">
      <c r="A24">
        <v>23</v>
      </c>
      <c r="B24" s="1" t="s">
        <v>6</v>
      </c>
      <c r="C24">
        <v>12</v>
      </c>
      <c r="D24" s="1"/>
      <c r="F24" s="1"/>
    </row>
    <row r="25" spans="1:6" x14ac:dyDescent="0.4">
      <c r="A25">
        <v>24</v>
      </c>
      <c r="B25" s="1" t="s">
        <v>8</v>
      </c>
      <c r="C25">
        <v>30</v>
      </c>
      <c r="D25" s="1" t="s">
        <v>7</v>
      </c>
      <c r="F25" s="1"/>
    </row>
    <row r="26" spans="1:6" x14ac:dyDescent="0.4">
      <c r="B26" s="1"/>
      <c r="D26" s="1"/>
      <c r="E26">
        <v>1</v>
      </c>
      <c r="F26" s="1" t="s">
        <v>9</v>
      </c>
    </row>
    <row r="27" spans="1:6" x14ac:dyDescent="0.4">
      <c r="B27" s="1"/>
      <c r="D27" s="1"/>
      <c r="E27">
        <v>2</v>
      </c>
      <c r="F27" s="1" t="s">
        <v>10</v>
      </c>
    </row>
    <row r="28" spans="1:6" x14ac:dyDescent="0.4">
      <c r="B28" s="1"/>
      <c r="D28" s="1"/>
      <c r="E28">
        <v>3</v>
      </c>
      <c r="F28" s="1" t="s">
        <v>11</v>
      </c>
    </row>
    <row r="29" spans="1:6" x14ac:dyDescent="0.4">
      <c r="B29" s="1"/>
      <c r="D29" s="1"/>
      <c r="E29">
        <v>4</v>
      </c>
      <c r="F29" s="1" t="s">
        <v>12</v>
      </c>
    </row>
    <row r="30" spans="1:6" x14ac:dyDescent="0.4">
      <c r="B30" s="1"/>
      <c r="D30" s="1"/>
      <c r="E30">
        <v>5</v>
      </c>
      <c r="F30" s="1" t="s">
        <v>13</v>
      </c>
    </row>
    <row r="31" spans="1:6" x14ac:dyDescent="0.4">
      <c r="B31" s="1"/>
      <c r="D31" s="1"/>
      <c r="E31">
        <v>6</v>
      </c>
      <c r="F31" s="1" t="s">
        <v>14</v>
      </c>
    </row>
    <row r="32" spans="1:6" x14ac:dyDescent="0.4">
      <c r="B32" s="1"/>
      <c r="D32" s="1"/>
      <c r="E32">
        <v>7</v>
      </c>
      <c r="F32" s="1" t="s">
        <v>15</v>
      </c>
    </row>
    <row r="33" spans="2:6" x14ac:dyDescent="0.4">
      <c r="B33" s="1"/>
      <c r="D33" s="1"/>
      <c r="E33">
        <v>8</v>
      </c>
      <c r="F33" s="1" t="s">
        <v>16</v>
      </c>
    </row>
    <row r="34" spans="2:6" x14ac:dyDescent="0.4">
      <c r="B34" s="1"/>
      <c r="D34" s="1"/>
      <c r="E34">
        <v>9</v>
      </c>
      <c r="F34" s="1" t="s">
        <v>17</v>
      </c>
    </row>
    <row r="35" spans="2:6" x14ac:dyDescent="0.4">
      <c r="B35" s="1"/>
      <c r="D35" s="1"/>
      <c r="E35">
        <v>10</v>
      </c>
      <c r="F35" s="1" t="s">
        <v>18</v>
      </c>
    </row>
    <row r="36" spans="2:6" x14ac:dyDescent="0.4">
      <c r="B36" s="1"/>
      <c r="D36" s="1"/>
      <c r="E36">
        <v>11</v>
      </c>
      <c r="F36" s="1" t="s">
        <v>19</v>
      </c>
    </row>
    <row r="37" spans="2:6" x14ac:dyDescent="0.4">
      <c r="B37" s="1"/>
      <c r="D37" s="1"/>
      <c r="E37">
        <v>12</v>
      </c>
      <c r="F37" s="1" t="s">
        <v>20</v>
      </c>
    </row>
    <row r="38" spans="2:6" x14ac:dyDescent="0.4">
      <c r="B38" s="1"/>
      <c r="D38" s="1"/>
      <c r="E38">
        <v>13</v>
      </c>
      <c r="F38" s="1" t="s">
        <v>21</v>
      </c>
    </row>
    <row r="39" spans="2:6" x14ac:dyDescent="0.4">
      <c r="B39" s="1"/>
      <c r="D39" s="1"/>
      <c r="E39">
        <v>14</v>
      </c>
      <c r="F39" s="1" t="s">
        <v>22</v>
      </c>
    </row>
    <row r="40" spans="2:6" x14ac:dyDescent="0.4">
      <c r="B40" s="1"/>
      <c r="D40" s="1"/>
      <c r="E40">
        <v>15</v>
      </c>
      <c r="F40" s="1" t="s">
        <v>23</v>
      </c>
    </row>
    <row r="41" spans="2:6" x14ac:dyDescent="0.4">
      <c r="B41" s="1"/>
      <c r="D41" s="1"/>
      <c r="E41">
        <v>16</v>
      </c>
      <c r="F41" s="1" t="s">
        <v>24</v>
      </c>
    </row>
    <row r="42" spans="2:6" x14ac:dyDescent="0.4">
      <c r="B42" s="1"/>
      <c r="D42" s="1"/>
      <c r="E42">
        <v>17</v>
      </c>
      <c r="F42" s="1" t="s">
        <v>25</v>
      </c>
    </row>
    <row r="43" spans="2:6" x14ac:dyDescent="0.4">
      <c r="B43" s="1"/>
      <c r="D43" s="1"/>
      <c r="E43">
        <v>18</v>
      </c>
      <c r="F43" s="1" t="s">
        <v>26</v>
      </c>
    </row>
    <row r="44" spans="2:6" x14ac:dyDescent="0.4">
      <c r="B44" s="1"/>
      <c r="D44" s="1"/>
      <c r="E44">
        <v>19</v>
      </c>
      <c r="F44" s="1" t="s">
        <v>27</v>
      </c>
    </row>
    <row r="45" spans="2:6" x14ac:dyDescent="0.4">
      <c r="B45" s="1"/>
      <c r="D45" s="1"/>
      <c r="E45">
        <v>20</v>
      </c>
      <c r="F45" s="1" t="s">
        <v>28</v>
      </c>
    </row>
    <row r="46" spans="2:6" x14ac:dyDescent="0.4">
      <c r="B46" s="1"/>
      <c r="D46" s="1"/>
      <c r="E46">
        <v>21</v>
      </c>
      <c r="F46" s="1" t="s">
        <v>29</v>
      </c>
    </row>
    <row r="47" spans="2:6" x14ac:dyDescent="0.4">
      <c r="B47" s="1"/>
      <c r="D47" s="1"/>
      <c r="E47">
        <v>22</v>
      </c>
      <c r="F47" s="1" t="s">
        <v>30</v>
      </c>
    </row>
    <row r="48" spans="2:6" x14ac:dyDescent="0.4">
      <c r="B48" s="1"/>
      <c r="D48" s="1"/>
      <c r="E48">
        <v>23</v>
      </c>
      <c r="F48" s="1" t="s">
        <v>31</v>
      </c>
    </row>
    <row r="49" spans="1:24" x14ac:dyDescent="0.4">
      <c r="B49" s="1"/>
      <c r="D49" s="1"/>
      <c r="E49">
        <v>24</v>
      </c>
      <c r="F49" s="1" t="s">
        <v>32</v>
      </c>
    </row>
    <row r="53" spans="1:24" x14ac:dyDescent="0.4">
      <c r="A53" s="2" t="s">
        <v>9</v>
      </c>
      <c r="B53" s="3" t="s">
        <v>10</v>
      </c>
      <c r="C53" s="2" t="s">
        <v>11</v>
      </c>
      <c r="D53" s="3" t="s">
        <v>12</v>
      </c>
      <c r="E53" s="2" t="s">
        <v>13</v>
      </c>
      <c r="F53" s="3" t="s">
        <v>14</v>
      </c>
      <c r="G53" s="2" t="s">
        <v>15</v>
      </c>
      <c r="H53" s="3" t="s">
        <v>16</v>
      </c>
      <c r="I53" s="2" t="s">
        <v>17</v>
      </c>
      <c r="J53" s="3" t="s">
        <v>18</v>
      </c>
      <c r="K53" s="2" t="s">
        <v>19</v>
      </c>
      <c r="L53" s="3" t="s">
        <v>20</v>
      </c>
      <c r="M53" s="2" t="s">
        <v>21</v>
      </c>
      <c r="N53" s="3" t="s">
        <v>22</v>
      </c>
      <c r="O53" s="2" t="s">
        <v>23</v>
      </c>
      <c r="P53" s="3" t="s">
        <v>24</v>
      </c>
      <c r="Q53" s="2" t="s">
        <v>25</v>
      </c>
      <c r="R53" s="3" t="s">
        <v>26</v>
      </c>
      <c r="S53" s="2" t="s">
        <v>27</v>
      </c>
      <c r="T53" s="3" t="s">
        <v>28</v>
      </c>
      <c r="U53" s="2" t="s">
        <v>29</v>
      </c>
      <c r="V53" s="3" t="s">
        <v>30</v>
      </c>
      <c r="W53" s="2" t="s">
        <v>31</v>
      </c>
      <c r="X53" s="3" t="s">
        <v>32</v>
      </c>
    </row>
    <row r="54" spans="1:24" x14ac:dyDescent="0.4">
      <c r="A54" s="2" t="s">
        <v>9</v>
      </c>
      <c r="B54" s="3" t="s">
        <v>10</v>
      </c>
      <c r="C54" s="2" t="s">
        <v>11</v>
      </c>
      <c r="D54" s="3" t="s">
        <v>12</v>
      </c>
      <c r="E54" s="2" t="s">
        <v>13</v>
      </c>
      <c r="F54" s="3" t="s">
        <v>14</v>
      </c>
      <c r="G54" s="2" t="s">
        <v>15</v>
      </c>
      <c r="H54" s="3" t="s">
        <v>16</v>
      </c>
      <c r="I54" s="2" t="s">
        <v>17</v>
      </c>
      <c r="J54" s="3" t="s">
        <v>18</v>
      </c>
      <c r="K54" s="2" t="s">
        <v>19</v>
      </c>
      <c r="L54" s="3" t="s">
        <v>20</v>
      </c>
      <c r="M54" s="2" t="s">
        <v>21</v>
      </c>
      <c r="N54" s="3" t="s">
        <v>22</v>
      </c>
      <c r="O54" s="2" t="s">
        <v>23</v>
      </c>
      <c r="P54" s="3" t="s">
        <v>24</v>
      </c>
      <c r="Q54" s="2" t="s">
        <v>25</v>
      </c>
      <c r="R54" s="3" t="s">
        <v>26</v>
      </c>
      <c r="S54" s="2" t="s">
        <v>27</v>
      </c>
      <c r="T54" s="3" t="s">
        <v>28</v>
      </c>
      <c r="U54" s="2" t="s">
        <v>29</v>
      </c>
      <c r="V54" s="3" t="s">
        <v>30</v>
      </c>
      <c r="W54" s="2" t="s">
        <v>31</v>
      </c>
      <c r="X54" s="3" t="s">
        <v>32</v>
      </c>
    </row>
    <row r="55" spans="1:24" x14ac:dyDescent="0.4">
      <c r="A55" s="2" t="s">
        <v>9</v>
      </c>
      <c r="B55" s="3" t="s">
        <v>10</v>
      </c>
      <c r="C55" s="2" t="s">
        <v>11</v>
      </c>
      <c r="D55" s="3" t="s">
        <v>12</v>
      </c>
      <c r="E55" s="2" t="s">
        <v>13</v>
      </c>
      <c r="F55" s="3" t="s">
        <v>14</v>
      </c>
      <c r="G55" s="2" t="s">
        <v>15</v>
      </c>
      <c r="H55" s="3" t="s">
        <v>16</v>
      </c>
      <c r="I55" s="2" t="s">
        <v>17</v>
      </c>
      <c r="J55" s="3" t="s">
        <v>18</v>
      </c>
      <c r="K55" s="2" t="s">
        <v>19</v>
      </c>
      <c r="L55" s="3" t="s">
        <v>20</v>
      </c>
      <c r="M55" s="2" t="s">
        <v>21</v>
      </c>
      <c r="N55" s="3" t="s">
        <v>22</v>
      </c>
      <c r="O55" s="2" t="s">
        <v>23</v>
      </c>
      <c r="P55" s="3" t="s">
        <v>24</v>
      </c>
      <c r="Q55" s="2" t="s">
        <v>25</v>
      </c>
      <c r="R55" s="3" t="s">
        <v>26</v>
      </c>
      <c r="S55" s="2" t="s">
        <v>27</v>
      </c>
      <c r="T55" s="3" t="s">
        <v>28</v>
      </c>
      <c r="U55" s="2" t="s">
        <v>29</v>
      </c>
      <c r="V55" s="3" t="s">
        <v>30</v>
      </c>
      <c r="W55" s="2" t="s">
        <v>31</v>
      </c>
      <c r="X55" s="3" t="s">
        <v>32</v>
      </c>
    </row>
    <row r="56" spans="1:24" x14ac:dyDescent="0.4">
      <c r="A56" s="2" t="s">
        <v>9</v>
      </c>
      <c r="B56" s="3" t="s">
        <v>10</v>
      </c>
      <c r="C56" s="2" t="s">
        <v>11</v>
      </c>
      <c r="D56" s="3" t="s">
        <v>12</v>
      </c>
      <c r="E56" s="2" t="s">
        <v>13</v>
      </c>
      <c r="F56" s="3" t="s">
        <v>14</v>
      </c>
      <c r="G56" s="2" t="s">
        <v>15</v>
      </c>
      <c r="H56" s="3" t="s">
        <v>16</v>
      </c>
      <c r="I56" s="2" t="s">
        <v>17</v>
      </c>
      <c r="J56" s="3" t="s">
        <v>18</v>
      </c>
      <c r="K56" s="2" t="s">
        <v>19</v>
      </c>
      <c r="L56" s="3" t="s">
        <v>20</v>
      </c>
      <c r="M56" s="2" t="s">
        <v>21</v>
      </c>
      <c r="N56" s="3" t="s">
        <v>22</v>
      </c>
      <c r="O56" s="2" t="s">
        <v>23</v>
      </c>
      <c r="P56" s="3" t="s">
        <v>24</v>
      </c>
      <c r="Q56" s="2" t="s">
        <v>25</v>
      </c>
      <c r="R56" s="3" t="s">
        <v>26</v>
      </c>
      <c r="S56" s="2" t="s">
        <v>27</v>
      </c>
      <c r="T56" s="3" t="s">
        <v>28</v>
      </c>
      <c r="U56" s="2" t="s">
        <v>29</v>
      </c>
      <c r="V56" s="3" t="s">
        <v>30</v>
      </c>
      <c r="W56" s="2" t="s">
        <v>31</v>
      </c>
      <c r="X56" s="3" t="s">
        <v>32</v>
      </c>
    </row>
    <row r="57" spans="1:24" x14ac:dyDescent="0.4">
      <c r="A57" s="2" t="s">
        <v>9</v>
      </c>
      <c r="B57" s="3" t="s">
        <v>10</v>
      </c>
      <c r="C57" s="2" t="s">
        <v>11</v>
      </c>
      <c r="D57" s="3" t="s">
        <v>12</v>
      </c>
      <c r="E57" s="2" t="s">
        <v>13</v>
      </c>
      <c r="F57" s="3" t="s">
        <v>14</v>
      </c>
      <c r="G57" s="2" t="s">
        <v>15</v>
      </c>
      <c r="H57" s="3" t="s">
        <v>16</v>
      </c>
      <c r="I57" s="2" t="s">
        <v>17</v>
      </c>
      <c r="J57" s="3" t="s">
        <v>18</v>
      </c>
      <c r="K57" s="2" t="s">
        <v>19</v>
      </c>
      <c r="L57" s="3" t="s">
        <v>20</v>
      </c>
      <c r="M57" s="2" t="s">
        <v>21</v>
      </c>
      <c r="N57" s="3" t="s">
        <v>22</v>
      </c>
      <c r="O57" s="2" t="s">
        <v>23</v>
      </c>
      <c r="P57" s="3" t="s">
        <v>24</v>
      </c>
      <c r="Q57" s="2" t="s">
        <v>25</v>
      </c>
      <c r="R57" s="3" t="s">
        <v>26</v>
      </c>
      <c r="S57" s="2" t="s">
        <v>27</v>
      </c>
      <c r="T57" s="3" t="s">
        <v>28</v>
      </c>
      <c r="U57" s="2" t="s">
        <v>29</v>
      </c>
      <c r="V57" s="3" t="s">
        <v>30</v>
      </c>
      <c r="W57" s="2" t="s">
        <v>31</v>
      </c>
      <c r="X57" s="3" t="s">
        <v>32</v>
      </c>
    </row>
    <row r="58" spans="1:24" x14ac:dyDescent="0.4">
      <c r="A58" s="2" t="s">
        <v>9</v>
      </c>
      <c r="B58" s="3" t="s">
        <v>10</v>
      </c>
      <c r="C58" s="2" t="s">
        <v>11</v>
      </c>
      <c r="D58" s="3" t="s">
        <v>12</v>
      </c>
      <c r="E58" s="2" t="s">
        <v>13</v>
      </c>
      <c r="F58" s="3" t="s">
        <v>14</v>
      </c>
      <c r="G58" s="2" t="s">
        <v>15</v>
      </c>
      <c r="H58" s="3" t="s">
        <v>16</v>
      </c>
      <c r="I58" s="2" t="s">
        <v>17</v>
      </c>
      <c r="J58" s="3" t="s">
        <v>18</v>
      </c>
      <c r="K58" s="2" t="s">
        <v>19</v>
      </c>
      <c r="L58" s="3" t="s">
        <v>20</v>
      </c>
      <c r="M58" s="2" t="s">
        <v>21</v>
      </c>
      <c r="N58" s="3" t="s">
        <v>22</v>
      </c>
      <c r="O58" s="2" t="s">
        <v>23</v>
      </c>
      <c r="P58" s="3" t="s">
        <v>24</v>
      </c>
      <c r="Q58" s="2" t="s">
        <v>25</v>
      </c>
      <c r="R58" s="3" t="s">
        <v>26</v>
      </c>
      <c r="S58" s="2" t="s">
        <v>27</v>
      </c>
      <c r="T58" s="3" t="s">
        <v>28</v>
      </c>
      <c r="U58" s="2" t="s">
        <v>29</v>
      </c>
      <c r="V58" s="3" t="s">
        <v>30</v>
      </c>
      <c r="W58" s="2" t="s">
        <v>31</v>
      </c>
      <c r="X58" s="3" t="s">
        <v>32</v>
      </c>
    </row>
    <row r="59" spans="1:24" x14ac:dyDescent="0.4">
      <c r="A59" s="2" t="s">
        <v>9</v>
      </c>
      <c r="B59" s="3" t="s">
        <v>10</v>
      </c>
      <c r="C59" s="2" t="s">
        <v>11</v>
      </c>
      <c r="D59" s="3" t="s">
        <v>12</v>
      </c>
      <c r="E59" s="2" t="s">
        <v>13</v>
      </c>
      <c r="F59" s="3" t="s">
        <v>14</v>
      </c>
      <c r="G59" s="2" t="s">
        <v>15</v>
      </c>
      <c r="H59" s="3" t="s">
        <v>16</v>
      </c>
      <c r="I59" s="2" t="s">
        <v>17</v>
      </c>
      <c r="J59" s="3" t="s">
        <v>18</v>
      </c>
      <c r="K59" s="2" t="s">
        <v>19</v>
      </c>
      <c r="L59" s="3" t="s">
        <v>20</v>
      </c>
      <c r="M59" s="2" t="s">
        <v>21</v>
      </c>
      <c r="N59" s="3" t="s">
        <v>22</v>
      </c>
      <c r="O59" s="2" t="s">
        <v>23</v>
      </c>
      <c r="P59" s="3" t="s">
        <v>24</v>
      </c>
      <c r="Q59" s="2" t="s">
        <v>25</v>
      </c>
      <c r="R59" s="3" t="s">
        <v>26</v>
      </c>
      <c r="S59" s="2" t="s">
        <v>27</v>
      </c>
      <c r="T59" s="3" t="s">
        <v>28</v>
      </c>
      <c r="U59" s="2" t="s">
        <v>29</v>
      </c>
      <c r="V59" s="3" t="s">
        <v>30</v>
      </c>
      <c r="W59" s="2" t="s">
        <v>31</v>
      </c>
      <c r="X59" s="3" t="s">
        <v>32</v>
      </c>
    </row>
    <row r="60" spans="1:24" x14ac:dyDescent="0.4">
      <c r="A60" s="2" t="s">
        <v>9</v>
      </c>
      <c r="B60" s="3" t="s">
        <v>10</v>
      </c>
      <c r="C60" s="2" t="s">
        <v>11</v>
      </c>
      <c r="D60" s="3" t="s">
        <v>12</v>
      </c>
      <c r="E60" s="2" t="s">
        <v>13</v>
      </c>
      <c r="F60" s="3" t="s">
        <v>14</v>
      </c>
      <c r="G60" s="2" t="s">
        <v>15</v>
      </c>
      <c r="H60" s="3" t="s">
        <v>16</v>
      </c>
      <c r="I60" s="2" t="s">
        <v>17</v>
      </c>
      <c r="J60" s="3" t="s">
        <v>18</v>
      </c>
      <c r="K60" s="2" t="s">
        <v>19</v>
      </c>
      <c r="L60" s="3" t="s">
        <v>20</v>
      </c>
      <c r="M60" s="2" t="s">
        <v>21</v>
      </c>
      <c r="N60" s="3" t="s">
        <v>22</v>
      </c>
      <c r="O60" s="2" t="s">
        <v>23</v>
      </c>
      <c r="P60" s="3" t="s">
        <v>24</v>
      </c>
      <c r="Q60" s="2" t="s">
        <v>25</v>
      </c>
      <c r="R60" s="3" t="s">
        <v>26</v>
      </c>
      <c r="S60" s="2" t="s">
        <v>27</v>
      </c>
      <c r="T60" s="3" t="s">
        <v>28</v>
      </c>
      <c r="U60" s="2" t="s">
        <v>29</v>
      </c>
      <c r="V60" s="3" t="s">
        <v>30</v>
      </c>
      <c r="W60" s="2" t="s">
        <v>31</v>
      </c>
      <c r="X60" s="3" t="s">
        <v>32</v>
      </c>
    </row>
    <row r="61" spans="1:24" x14ac:dyDescent="0.4">
      <c r="A61" s="2" t="s">
        <v>9</v>
      </c>
      <c r="B61" s="3" t="s">
        <v>10</v>
      </c>
      <c r="C61" s="2" t="s">
        <v>11</v>
      </c>
      <c r="D61" s="3" t="s">
        <v>12</v>
      </c>
      <c r="E61" s="2" t="s">
        <v>13</v>
      </c>
      <c r="F61" s="3" t="s">
        <v>14</v>
      </c>
      <c r="G61" s="2" t="s">
        <v>15</v>
      </c>
      <c r="H61" s="3" t="s">
        <v>16</v>
      </c>
      <c r="I61" s="2" t="s">
        <v>17</v>
      </c>
      <c r="J61" s="3" t="s">
        <v>18</v>
      </c>
      <c r="K61" s="2" t="s">
        <v>19</v>
      </c>
      <c r="L61" s="3" t="s">
        <v>20</v>
      </c>
      <c r="M61" s="2" t="s">
        <v>21</v>
      </c>
      <c r="N61" s="3" t="s">
        <v>22</v>
      </c>
      <c r="O61" s="2" t="s">
        <v>23</v>
      </c>
      <c r="P61" s="3" t="s">
        <v>24</v>
      </c>
      <c r="Q61" s="2" t="s">
        <v>25</v>
      </c>
      <c r="R61" s="3" t="s">
        <v>26</v>
      </c>
      <c r="S61" s="2" t="s">
        <v>27</v>
      </c>
      <c r="T61" s="3" t="s">
        <v>28</v>
      </c>
      <c r="U61" s="2" t="s">
        <v>29</v>
      </c>
      <c r="V61" s="3" t="s">
        <v>30</v>
      </c>
      <c r="W61" s="2" t="s">
        <v>31</v>
      </c>
      <c r="X61" s="3" t="s">
        <v>32</v>
      </c>
    </row>
    <row r="62" spans="1:24" x14ac:dyDescent="0.4">
      <c r="A62" s="2" t="s">
        <v>9</v>
      </c>
      <c r="B62" s="3" t="s">
        <v>10</v>
      </c>
      <c r="C62" s="2" t="s">
        <v>11</v>
      </c>
      <c r="D62" s="3" t="s">
        <v>12</v>
      </c>
      <c r="E62" s="2" t="s">
        <v>13</v>
      </c>
      <c r="F62" s="3" t="s">
        <v>14</v>
      </c>
      <c r="G62" s="2" t="s">
        <v>15</v>
      </c>
      <c r="H62" s="3" t="s">
        <v>16</v>
      </c>
      <c r="I62" s="2" t="s">
        <v>17</v>
      </c>
      <c r="J62" s="3" t="s">
        <v>18</v>
      </c>
      <c r="K62" s="2" t="s">
        <v>19</v>
      </c>
      <c r="L62" s="3" t="s">
        <v>20</v>
      </c>
      <c r="M62" s="2" t="s">
        <v>21</v>
      </c>
      <c r="N62" s="3" t="s">
        <v>22</v>
      </c>
      <c r="O62" s="2" t="s">
        <v>23</v>
      </c>
      <c r="P62" s="3" t="s">
        <v>24</v>
      </c>
      <c r="Q62" s="2" t="s">
        <v>25</v>
      </c>
      <c r="R62" s="3" t="s">
        <v>26</v>
      </c>
      <c r="S62" s="2" t="s">
        <v>27</v>
      </c>
      <c r="T62" s="3" t="s">
        <v>28</v>
      </c>
      <c r="U62" s="2" t="s">
        <v>29</v>
      </c>
      <c r="V62" s="3" t="s">
        <v>30</v>
      </c>
      <c r="W62" s="2" t="s">
        <v>31</v>
      </c>
      <c r="X62" s="3" t="s">
        <v>32</v>
      </c>
    </row>
    <row r="63" spans="1:24" x14ac:dyDescent="0.4">
      <c r="A63" s="2" t="s">
        <v>9</v>
      </c>
      <c r="B63" s="3" t="s">
        <v>10</v>
      </c>
      <c r="C63" s="2" t="s">
        <v>11</v>
      </c>
      <c r="D63" s="3" t="s">
        <v>12</v>
      </c>
      <c r="E63" s="2" t="s">
        <v>13</v>
      </c>
      <c r="F63" s="3" t="s">
        <v>14</v>
      </c>
      <c r="G63" s="2" t="s">
        <v>15</v>
      </c>
      <c r="H63" s="3" t="s">
        <v>16</v>
      </c>
      <c r="I63" s="2" t="s">
        <v>17</v>
      </c>
      <c r="J63" s="3" t="s">
        <v>18</v>
      </c>
      <c r="K63" s="2" t="s">
        <v>19</v>
      </c>
      <c r="L63" s="3" t="s">
        <v>20</v>
      </c>
      <c r="M63" s="2" t="s">
        <v>21</v>
      </c>
      <c r="N63" s="3" t="s">
        <v>22</v>
      </c>
      <c r="O63" s="2" t="s">
        <v>23</v>
      </c>
      <c r="P63" s="3" t="s">
        <v>24</v>
      </c>
      <c r="Q63" s="2" t="s">
        <v>25</v>
      </c>
      <c r="R63" s="3" t="s">
        <v>26</v>
      </c>
      <c r="S63" s="2" t="s">
        <v>27</v>
      </c>
      <c r="T63" s="3" t="s">
        <v>28</v>
      </c>
      <c r="U63" s="2" t="s">
        <v>29</v>
      </c>
      <c r="V63" s="3" t="s">
        <v>30</v>
      </c>
      <c r="W63" s="2" t="s">
        <v>31</v>
      </c>
      <c r="X63" s="3" t="s">
        <v>32</v>
      </c>
    </row>
    <row r="64" spans="1:24" x14ac:dyDescent="0.4">
      <c r="A64" s="2" t="s">
        <v>9</v>
      </c>
      <c r="B64" s="3" t="s">
        <v>10</v>
      </c>
      <c r="C64" s="2" t="s">
        <v>11</v>
      </c>
      <c r="D64" s="3" t="s">
        <v>12</v>
      </c>
      <c r="E64" s="2" t="s">
        <v>13</v>
      </c>
      <c r="F64" s="3" t="s">
        <v>14</v>
      </c>
      <c r="G64" s="2" t="s">
        <v>15</v>
      </c>
      <c r="H64" s="3" t="s">
        <v>16</v>
      </c>
      <c r="I64" s="2" t="s">
        <v>17</v>
      </c>
      <c r="J64" s="3" t="s">
        <v>18</v>
      </c>
      <c r="K64" s="2" t="s">
        <v>19</v>
      </c>
      <c r="L64" s="3" t="s">
        <v>20</v>
      </c>
      <c r="M64" s="2" t="s">
        <v>21</v>
      </c>
      <c r="N64" s="3" t="s">
        <v>22</v>
      </c>
      <c r="O64" s="2" t="s">
        <v>23</v>
      </c>
      <c r="P64" s="3" t="s">
        <v>24</v>
      </c>
      <c r="Q64" s="2" t="s">
        <v>25</v>
      </c>
      <c r="R64" s="3" t="s">
        <v>26</v>
      </c>
      <c r="S64" s="2" t="s">
        <v>27</v>
      </c>
      <c r="T64" s="3" t="s">
        <v>28</v>
      </c>
      <c r="U64" s="2" t="s">
        <v>29</v>
      </c>
      <c r="V64" s="3" t="s">
        <v>30</v>
      </c>
      <c r="W64" s="2" t="s">
        <v>31</v>
      </c>
      <c r="X64" s="3" t="s">
        <v>32</v>
      </c>
    </row>
    <row r="65" spans="1:24" x14ac:dyDescent="0.4">
      <c r="A65" s="2" t="s">
        <v>9</v>
      </c>
      <c r="B65" s="3" t="s">
        <v>10</v>
      </c>
      <c r="C65" s="2" t="s">
        <v>11</v>
      </c>
      <c r="D65" s="3" t="s">
        <v>12</v>
      </c>
      <c r="E65" s="2" t="s">
        <v>13</v>
      </c>
      <c r="F65" s="3" t="s">
        <v>14</v>
      </c>
      <c r="G65" s="2" t="s">
        <v>15</v>
      </c>
      <c r="H65" s="3" t="s">
        <v>16</v>
      </c>
      <c r="I65" s="2" t="s">
        <v>17</v>
      </c>
      <c r="J65" s="3" t="s">
        <v>18</v>
      </c>
      <c r="K65" s="2" t="s">
        <v>19</v>
      </c>
      <c r="L65" s="3" t="s">
        <v>20</v>
      </c>
      <c r="M65" s="2" t="s">
        <v>21</v>
      </c>
      <c r="N65" s="3" t="s">
        <v>22</v>
      </c>
      <c r="O65" s="2" t="s">
        <v>23</v>
      </c>
      <c r="P65" s="3" t="s">
        <v>24</v>
      </c>
      <c r="Q65" s="2" t="s">
        <v>25</v>
      </c>
      <c r="R65" s="3" t="s">
        <v>26</v>
      </c>
      <c r="S65" s="2" t="s">
        <v>27</v>
      </c>
      <c r="T65" s="3" t="s">
        <v>28</v>
      </c>
      <c r="U65" s="2" t="s">
        <v>29</v>
      </c>
      <c r="V65" s="3" t="s">
        <v>30</v>
      </c>
      <c r="W65" s="2" t="s">
        <v>31</v>
      </c>
      <c r="X65" s="3" t="s">
        <v>32</v>
      </c>
    </row>
    <row r="66" spans="1:24" x14ac:dyDescent="0.4">
      <c r="A66" s="2" t="s">
        <v>9</v>
      </c>
      <c r="B66" s="3" t="s">
        <v>10</v>
      </c>
      <c r="C66" s="2" t="s">
        <v>11</v>
      </c>
      <c r="D66" s="3" t="s">
        <v>12</v>
      </c>
      <c r="E66" s="2" t="s">
        <v>13</v>
      </c>
      <c r="F66" s="3" t="s">
        <v>14</v>
      </c>
      <c r="G66" s="2" t="s">
        <v>15</v>
      </c>
      <c r="H66" s="3" t="s">
        <v>16</v>
      </c>
      <c r="I66" s="2" t="s">
        <v>17</v>
      </c>
      <c r="J66" s="3" t="s">
        <v>18</v>
      </c>
      <c r="K66" s="2" t="s">
        <v>19</v>
      </c>
      <c r="L66" s="3" t="s">
        <v>20</v>
      </c>
      <c r="M66" s="2" t="s">
        <v>21</v>
      </c>
      <c r="N66" s="3" t="s">
        <v>22</v>
      </c>
      <c r="O66" s="2" t="s">
        <v>23</v>
      </c>
      <c r="P66" s="3" t="s">
        <v>24</v>
      </c>
      <c r="Q66" s="2" t="s">
        <v>25</v>
      </c>
      <c r="R66" s="3" t="s">
        <v>26</v>
      </c>
      <c r="S66" s="2" t="s">
        <v>27</v>
      </c>
      <c r="T66" s="3" t="s">
        <v>28</v>
      </c>
      <c r="U66" s="2" t="s">
        <v>29</v>
      </c>
      <c r="V66" s="3" t="s">
        <v>30</v>
      </c>
      <c r="W66" s="2" t="s">
        <v>31</v>
      </c>
      <c r="X66" s="3" t="s">
        <v>32</v>
      </c>
    </row>
    <row r="67" spans="1:24" x14ac:dyDescent="0.4">
      <c r="A67" s="2" t="s">
        <v>9</v>
      </c>
      <c r="B67" s="3" t="s">
        <v>10</v>
      </c>
      <c r="C67" s="2" t="s">
        <v>11</v>
      </c>
      <c r="D67" s="3" t="s">
        <v>12</v>
      </c>
      <c r="E67" s="2" t="s">
        <v>13</v>
      </c>
      <c r="F67" s="3" t="s">
        <v>14</v>
      </c>
      <c r="G67" s="2" t="s">
        <v>15</v>
      </c>
      <c r="H67" s="3" t="s">
        <v>16</v>
      </c>
      <c r="I67" s="2" t="s">
        <v>17</v>
      </c>
      <c r="J67" s="3" t="s">
        <v>18</v>
      </c>
      <c r="K67" s="2" t="s">
        <v>19</v>
      </c>
      <c r="L67" s="3" t="s">
        <v>20</v>
      </c>
      <c r="M67" s="2" t="s">
        <v>21</v>
      </c>
      <c r="N67" s="3" t="s">
        <v>22</v>
      </c>
      <c r="O67" s="2" t="s">
        <v>23</v>
      </c>
      <c r="P67" s="3" t="s">
        <v>24</v>
      </c>
      <c r="Q67" s="2" t="s">
        <v>25</v>
      </c>
      <c r="R67" s="3" t="s">
        <v>26</v>
      </c>
      <c r="S67" s="2" t="s">
        <v>27</v>
      </c>
      <c r="T67" s="3" t="s">
        <v>28</v>
      </c>
      <c r="U67" s="2" t="s">
        <v>29</v>
      </c>
      <c r="V67" s="3" t="s">
        <v>30</v>
      </c>
      <c r="W67" s="2" t="s">
        <v>31</v>
      </c>
      <c r="X67" s="3" t="s">
        <v>32</v>
      </c>
    </row>
    <row r="68" spans="1:24" x14ac:dyDescent="0.4">
      <c r="A68" s="2" t="s">
        <v>9</v>
      </c>
      <c r="B68" s="3" t="s">
        <v>10</v>
      </c>
      <c r="C68" s="2" t="s">
        <v>11</v>
      </c>
      <c r="D68" s="3" t="s">
        <v>12</v>
      </c>
      <c r="E68" s="2" t="s">
        <v>13</v>
      </c>
      <c r="F68" s="3" t="s">
        <v>14</v>
      </c>
      <c r="G68" s="2" t="s">
        <v>15</v>
      </c>
      <c r="H68" s="3" t="s">
        <v>16</v>
      </c>
      <c r="I68" s="2" t="s">
        <v>17</v>
      </c>
      <c r="J68" s="3" t="s">
        <v>18</v>
      </c>
      <c r="K68" s="2" t="s">
        <v>19</v>
      </c>
      <c r="L68" s="3" t="s">
        <v>20</v>
      </c>
      <c r="M68" s="2" t="s">
        <v>21</v>
      </c>
      <c r="N68" s="3" t="s">
        <v>22</v>
      </c>
      <c r="O68" s="2" t="s">
        <v>23</v>
      </c>
      <c r="P68" s="3" t="s">
        <v>24</v>
      </c>
      <c r="Q68" s="2" t="s">
        <v>25</v>
      </c>
      <c r="R68" s="3" t="s">
        <v>26</v>
      </c>
      <c r="S68" s="2" t="s">
        <v>27</v>
      </c>
      <c r="T68" s="3" t="s">
        <v>28</v>
      </c>
      <c r="U68" s="2" t="s">
        <v>29</v>
      </c>
      <c r="V68" s="3" t="s">
        <v>30</v>
      </c>
      <c r="W68" s="2" t="s">
        <v>31</v>
      </c>
      <c r="X68" s="3" t="s">
        <v>32</v>
      </c>
    </row>
    <row r="69" spans="1:24" x14ac:dyDescent="0.4">
      <c r="A69" s="2" t="s">
        <v>9</v>
      </c>
      <c r="B69" s="3" t="s">
        <v>10</v>
      </c>
      <c r="C69" s="2" t="s">
        <v>11</v>
      </c>
      <c r="D69" s="3" t="s">
        <v>12</v>
      </c>
      <c r="E69" s="2" t="s">
        <v>13</v>
      </c>
      <c r="F69" s="3" t="s">
        <v>14</v>
      </c>
      <c r="G69" s="2" t="s">
        <v>15</v>
      </c>
      <c r="H69" s="3" t="s">
        <v>16</v>
      </c>
      <c r="I69" s="2" t="s">
        <v>17</v>
      </c>
      <c r="J69" s="3" t="s">
        <v>18</v>
      </c>
      <c r="K69" s="2" t="s">
        <v>19</v>
      </c>
      <c r="L69" s="3" t="s">
        <v>20</v>
      </c>
      <c r="M69" s="2" t="s">
        <v>21</v>
      </c>
      <c r="N69" s="3" t="s">
        <v>22</v>
      </c>
      <c r="O69" s="2" t="s">
        <v>23</v>
      </c>
      <c r="P69" s="3" t="s">
        <v>24</v>
      </c>
      <c r="Q69" s="2" t="s">
        <v>25</v>
      </c>
      <c r="R69" s="3" t="s">
        <v>26</v>
      </c>
      <c r="S69" s="2" t="s">
        <v>27</v>
      </c>
      <c r="T69" s="3" t="s">
        <v>28</v>
      </c>
      <c r="U69" s="2" t="s">
        <v>29</v>
      </c>
      <c r="V69" s="3" t="s">
        <v>30</v>
      </c>
      <c r="W69" s="2" t="s">
        <v>31</v>
      </c>
      <c r="X69" s="3" t="s">
        <v>32</v>
      </c>
    </row>
    <row r="70" spans="1:24" x14ac:dyDescent="0.4">
      <c r="A70" s="2" t="s">
        <v>9</v>
      </c>
      <c r="B70" s="3" t="s">
        <v>10</v>
      </c>
      <c r="C70" s="2" t="s">
        <v>11</v>
      </c>
      <c r="D70" s="3" t="s">
        <v>12</v>
      </c>
      <c r="E70" s="2" t="s">
        <v>13</v>
      </c>
      <c r="F70" s="3" t="s">
        <v>14</v>
      </c>
      <c r="G70" s="2" t="s">
        <v>15</v>
      </c>
      <c r="H70" s="3" t="s">
        <v>16</v>
      </c>
      <c r="I70" s="2" t="s">
        <v>17</v>
      </c>
      <c r="J70" s="3" t="s">
        <v>18</v>
      </c>
      <c r="K70" s="2" t="s">
        <v>19</v>
      </c>
      <c r="L70" s="3" t="s">
        <v>20</v>
      </c>
      <c r="M70" s="2" t="s">
        <v>21</v>
      </c>
      <c r="N70" s="3" t="s">
        <v>22</v>
      </c>
      <c r="O70" s="2" t="s">
        <v>23</v>
      </c>
      <c r="P70" s="3" t="s">
        <v>24</v>
      </c>
      <c r="Q70" s="2" t="s">
        <v>25</v>
      </c>
      <c r="R70" s="3" t="s">
        <v>26</v>
      </c>
      <c r="S70" s="2" t="s">
        <v>27</v>
      </c>
      <c r="T70" s="3" t="s">
        <v>28</v>
      </c>
      <c r="U70" s="2" t="s">
        <v>29</v>
      </c>
      <c r="V70" s="3" t="s">
        <v>30</v>
      </c>
      <c r="W70" s="2" t="s">
        <v>31</v>
      </c>
      <c r="X70" s="3" t="s">
        <v>32</v>
      </c>
    </row>
    <row r="71" spans="1:24" x14ac:dyDescent="0.4">
      <c r="A71" s="2" t="s">
        <v>9</v>
      </c>
      <c r="B71" s="3" t="s">
        <v>10</v>
      </c>
      <c r="C71" s="2" t="s">
        <v>11</v>
      </c>
      <c r="D71" s="3" t="s">
        <v>12</v>
      </c>
      <c r="E71" s="2" t="s">
        <v>13</v>
      </c>
      <c r="F71" s="3" t="s">
        <v>14</v>
      </c>
      <c r="G71" s="2" t="s">
        <v>15</v>
      </c>
      <c r="H71" s="3" t="s">
        <v>16</v>
      </c>
      <c r="I71" s="2" t="s">
        <v>17</v>
      </c>
      <c r="J71" s="3" t="s">
        <v>18</v>
      </c>
      <c r="K71" s="2" t="s">
        <v>19</v>
      </c>
      <c r="L71" s="3" t="s">
        <v>20</v>
      </c>
      <c r="M71" s="2" t="s">
        <v>21</v>
      </c>
      <c r="N71" s="3" t="s">
        <v>22</v>
      </c>
      <c r="O71" s="2" t="s">
        <v>23</v>
      </c>
      <c r="P71" s="3" t="s">
        <v>24</v>
      </c>
      <c r="Q71" s="2" t="s">
        <v>25</v>
      </c>
      <c r="R71" s="3" t="s">
        <v>26</v>
      </c>
      <c r="S71" s="2" t="s">
        <v>27</v>
      </c>
      <c r="T71" s="3" t="s">
        <v>28</v>
      </c>
      <c r="U71" s="2" t="s">
        <v>29</v>
      </c>
      <c r="V71" s="3" t="s">
        <v>30</v>
      </c>
      <c r="W71" s="2" t="s">
        <v>31</v>
      </c>
      <c r="X71" s="3" t="s">
        <v>32</v>
      </c>
    </row>
    <row r="72" spans="1:24" x14ac:dyDescent="0.4">
      <c r="A72" s="2" t="s">
        <v>9</v>
      </c>
      <c r="B72" s="3" t="s">
        <v>10</v>
      </c>
      <c r="C72" s="2" t="s">
        <v>11</v>
      </c>
      <c r="D72" s="3" t="s">
        <v>12</v>
      </c>
      <c r="E72" s="2" t="s">
        <v>13</v>
      </c>
      <c r="F72" s="3" t="s">
        <v>14</v>
      </c>
      <c r="G72" s="2" t="s">
        <v>15</v>
      </c>
      <c r="H72" s="3" t="s">
        <v>16</v>
      </c>
      <c r="I72" s="2" t="s">
        <v>17</v>
      </c>
      <c r="J72" s="3" t="s">
        <v>18</v>
      </c>
      <c r="K72" s="2" t="s">
        <v>19</v>
      </c>
      <c r="L72" s="3" t="s">
        <v>20</v>
      </c>
      <c r="M72" s="2" t="s">
        <v>21</v>
      </c>
      <c r="N72" s="3" t="s">
        <v>22</v>
      </c>
      <c r="O72" s="2" t="s">
        <v>23</v>
      </c>
      <c r="P72" s="3" t="s">
        <v>24</v>
      </c>
      <c r="Q72" s="2" t="s">
        <v>25</v>
      </c>
      <c r="R72" s="3" t="s">
        <v>26</v>
      </c>
      <c r="S72" s="2" t="s">
        <v>27</v>
      </c>
      <c r="T72" s="3" t="s">
        <v>28</v>
      </c>
      <c r="U72" s="2" t="s">
        <v>29</v>
      </c>
      <c r="V72" s="3" t="s">
        <v>30</v>
      </c>
      <c r="W72" s="2" t="s">
        <v>31</v>
      </c>
      <c r="X72" s="3" t="s">
        <v>32</v>
      </c>
    </row>
    <row r="73" spans="1:24" x14ac:dyDescent="0.4">
      <c r="A73" s="2" t="s">
        <v>9</v>
      </c>
      <c r="B73" s="3" t="s">
        <v>10</v>
      </c>
      <c r="C73" s="2" t="s">
        <v>11</v>
      </c>
      <c r="D73" s="3" t="s">
        <v>12</v>
      </c>
      <c r="E73" s="2" t="s">
        <v>13</v>
      </c>
      <c r="F73" s="3" t="s">
        <v>14</v>
      </c>
      <c r="G73" s="2" t="s">
        <v>15</v>
      </c>
      <c r="H73" s="3" t="s">
        <v>16</v>
      </c>
      <c r="I73" s="2" t="s">
        <v>17</v>
      </c>
      <c r="J73" s="3" t="s">
        <v>18</v>
      </c>
      <c r="K73" s="2" t="s">
        <v>19</v>
      </c>
      <c r="L73" s="3" t="s">
        <v>20</v>
      </c>
      <c r="M73" s="2" t="s">
        <v>21</v>
      </c>
      <c r="N73" s="3" t="s">
        <v>22</v>
      </c>
      <c r="O73" s="2" t="s">
        <v>23</v>
      </c>
      <c r="P73" s="3" t="s">
        <v>24</v>
      </c>
      <c r="Q73" s="2" t="s">
        <v>25</v>
      </c>
      <c r="R73" s="3" t="s">
        <v>26</v>
      </c>
      <c r="S73" s="2" t="s">
        <v>27</v>
      </c>
      <c r="T73" s="3" t="s">
        <v>28</v>
      </c>
      <c r="U73" s="2" t="s">
        <v>29</v>
      </c>
      <c r="V73" s="3" t="s">
        <v>30</v>
      </c>
      <c r="W73" s="2" t="s">
        <v>31</v>
      </c>
      <c r="X73" s="3" t="s">
        <v>32</v>
      </c>
    </row>
    <row r="74" spans="1:24" x14ac:dyDescent="0.4">
      <c r="A74" s="2" t="s">
        <v>9</v>
      </c>
      <c r="B74" s="3" t="s">
        <v>10</v>
      </c>
      <c r="C74" s="2" t="s">
        <v>11</v>
      </c>
      <c r="D74" s="3" t="s">
        <v>12</v>
      </c>
      <c r="E74" s="2" t="s">
        <v>13</v>
      </c>
      <c r="F74" s="3" t="s">
        <v>14</v>
      </c>
      <c r="G74" s="2" t="s">
        <v>15</v>
      </c>
      <c r="H74" s="3" t="s">
        <v>16</v>
      </c>
      <c r="I74" s="2" t="s">
        <v>17</v>
      </c>
      <c r="J74" s="3" t="s">
        <v>18</v>
      </c>
      <c r="K74" s="2" t="s">
        <v>19</v>
      </c>
      <c r="L74" s="3" t="s">
        <v>20</v>
      </c>
      <c r="M74" s="2" t="s">
        <v>21</v>
      </c>
      <c r="N74" s="3" t="s">
        <v>22</v>
      </c>
      <c r="O74" s="2" t="s">
        <v>23</v>
      </c>
      <c r="P74" s="3" t="s">
        <v>24</v>
      </c>
      <c r="Q74" s="2" t="s">
        <v>25</v>
      </c>
      <c r="R74" s="3" t="s">
        <v>26</v>
      </c>
      <c r="S74" s="2" t="s">
        <v>27</v>
      </c>
      <c r="T74" s="3" t="s">
        <v>28</v>
      </c>
      <c r="U74" s="2" t="s">
        <v>29</v>
      </c>
      <c r="V74" s="3" t="s">
        <v>30</v>
      </c>
      <c r="W74" s="2" t="s">
        <v>31</v>
      </c>
      <c r="X74" s="3" t="s">
        <v>32</v>
      </c>
    </row>
    <row r="75" spans="1:24" x14ac:dyDescent="0.4">
      <c r="A75" s="2" t="s">
        <v>9</v>
      </c>
      <c r="B75" s="3" t="s">
        <v>10</v>
      </c>
      <c r="C75" s="2" t="s">
        <v>11</v>
      </c>
      <c r="D75" s="3" t="s">
        <v>12</v>
      </c>
      <c r="E75" s="2" t="s">
        <v>13</v>
      </c>
      <c r="F75" s="3" t="s">
        <v>14</v>
      </c>
      <c r="G75" s="2" t="s">
        <v>15</v>
      </c>
      <c r="H75" s="3" t="s">
        <v>16</v>
      </c>
      <c r="I75" s="2" t="s">
        <v>17</v>
      </c>
      <c r="J75" s="3" t="s">
        <v>18</v>
      </c>
      <c r="K75" s="2" t="s">
        <v>19</v>
      </c>
      <c r="L75" s="3" t="s">
        <v>20</v>
      </c>
      <c r="M75" s="2" t="s">
        <v>21</v>
      </c>
      <c r="N75" s="3" t="s">
        <v>22</v>
      </c>
      <c r="O75" s="2" t="s">
        <v>23</v>
      </c>
      <c r="P75" s="3" t="s">
        <v>24</v>
      </c>
      <c r="Q75" s="2" t="s">
        <v>25</v>
      </c>
      <c r="R75" s="3" t="s">
        <v>26</v>
      </c>
      <c r="S75" s="2" t="s">
        <v>27</v>
      </c>
      <c r="T75" s="3" t="s">
        <v>28</v>
      </c>
      <c r="U75" s="2" t="s">
        <v>29</v>
      </c>
      <c r="V75" s="3" t="s">
        <v>30</v>
      </c>
      <c r="W75" s="2" t="s">
        <v>31</v>
      </c>
      <c r="X75" s="3" t="s">
        <v>32</v>
      </c>
    </row>
    <row r="76" spans="1:24" x14ac:dyDescent="0.4">
      <c r="A76" s="2" t="s">
        <v>9</v>
      </c>
      <c r="B76" s="3" t="s">
        <v>10</v>
      </c>
      <c r="C76" s="2" t="s">
        <v>11</v>
      </c>
      <c r="D76" s="3" t="s">
        <v>12</v>
      </c>
      <c r="E76" s="2" t="s">
        <v>13</v>
      </c>
      <c r="F76" s="3" t="s">
        <v>14</v>
      </c>
      <c r="G76" s="2" t="s">
        <v>15</v>
      </c>
      <c r="H76" s="3" t="s">
        <v>16</v>
      </c>
      <c r="I76" s="2" t="s">
        <v>17</v>
      </c>
      <c r="J76" s="3" t="s">
        <v>18</v>
      </c>
      <c r="K76" s="2" t="s">
        <v>19</v>
      </c>
      <c r="L76" s="3" t="s">
        <v>20</v>
      </c>
      <c r="M76" s="2" t="s">
        <v>21</v>
      </c>
      <c r="N76" s="3" t="s">
        <v>22</v>
      </c>
      <c r="O76" s="2" t="s">
        <v>23</v>
      </c>
      <c r="P76" s="3" t="s">
        <v>24</v>
      </c>
      <c r="Q76" s="2" t="s">
        <v>25</v>
      </c>
      <c r="R76" s="3" t="s">
        <v>26</v>
      </c>
      <c r="S76" s="2" t="s">
        <v>27</v>
      </c>
      <c r="T76" s="3" t="s">
        <v>28</v>
      </c>
      <c r="U76" s="2" t="s">
        <v>29</v>
      </c>
      <c r="V76" s="3" t="s">
        <v>30</v>
      </c>
      <c r="W76" s="2" t="s">
        <v>31</v>
      </c>
      <c r="X76" s="3" t="s">
        <v>32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ReportSetting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3T02:13:12Z</dcterms:created>
  <dcterms:modified xsi:type="dcterms:W3CDTF">2024-02-23T02:18:12Z</dcterms:modified>
</cp:coreProperties>
</file>